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notesSlides/notesSlide3.xml" ContentType="application/vnd.openxmlformats-officedocument.presentationml.notesSlide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notesSlides/notesSlide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9"/>
  </p:notesMasterIdLst>
  <p:handoutMasterIdLst>
    <p:handoutMasterId r:id="rId10"/>
  </p:handoutMasterIdLst>
  <p:sldIdLst>
    <p:sldId id="2147307527" r:id="rId5"/>
    <p:sldId id="2147307525" r:id="rId6"/>
    <p:sldId id="2147307528" r:id="rId7"/>
    <p:sldId id="2147307485" r:id="rId8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206D977-9B59-471E-9F7C-63BD8991A569}" v="1" dt="2021-10-06T21:30:11.611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785" autoAdjust="0"/>
    <p:restoredTop sz="93817" autoAdjust="0"/>
  </p:normalViewPr>
  <p:slideViewPr>
    <p:cSldViewPr snapToGrid="0">
      <p:cViewPr varScale="1">
        <p:scale>
          <a:sx n="84" d="100"/>
          <a:sy n="84" d="100"/>
        </p:scale>
        <p:origin x="1008" y="64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presProps" Target="presProps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commentAuthors" Target="commentAuthors.xml"/><Relationship Id="rId5" Type="http://schemas.openxmlformats.org/officeDocument/2006/relationships/slide" Target="slides/slide1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4206D977-9B59-471E-9F7C-63BD8991A569}"/>
    <pc:docChg chg="addSld modSld">
      <pc:chgData name="Ajwaliya, Nishit" userId="d6171631-3d08-453d-8afd-2dc62a5026e2" providerId="ADAL" clId="{4206D977-9B59-471E-9F7C-63BD8991A569}" dt="2021-10-06T21:30:11.609" v="0"/>
      <pc:docMkLst>
        <pc:docMk/>
      </pc:docMkLst>
      <pc:sldChg chg="add">
        <pc:chgData name="Ajwaliya, Nishit" userId="d6171631-3d08-453d-8afd-2dc62a5026e2" providerId="ADAL" clId="{4206D977-9B59-471E-9F7C-63BD8991A569}" dt="2021-10-06T21:30:11.609" v="0"/>
        <pc:sldMkLst>
          <pc:docMk/>
          <pc:sldMk cId="2091940999" sldId="2147307485"/>
        </pc:sldMkLst>
      </pc:sldChg>
    </pc:docChg>
  </pc:docChgLst>
  <pc:docChgLst>
    <pc:chgData name="Ajwaliya, Nishit" userId="d6171631-3d08-453d-8afd-2dc62a5026e2" providerId="ADAL" clId="{33BB075F-6A8F-4A4A-9BAC-701602B376C8}"/>
    <pc:docChg chg="custSel addSld modSld sldOrd">
      <pc:chgData name="Ajwaliya, Nishit" userId="d6171631-3d08-453d-8afd-2dc62a5026e2" providerId="ADAL" clId="{33BB075F-6A8F-4A4A-9BAC-701602B376C8}" dt="2021-07-22T13:29:12.599" v="11" actId="1038"/>
      <pc:docMkLst>
        <pc:docMk/>
      </pc:docMkLst>
      <pc:sldChg chg="modSp">
        <pc:chgData name="Ajwaliya, Nishit" userId="d6171631-3d08-453d-8afd-2dc62a5026e2" providerId="ADAL" clId="{33BB075F-6A8F-4A4A-9BAC-701602B376C8}" dt="2021-07-22T13:29:12.599" v="11" actId="1038"/>
        <pc:sldMkLst>
          <pc:docMk/>
          <pc:sldMk cId="802002898" sldId="2147307484"/>
        </pc:sldMkLst>
        <pc:spChg chg="mod">
          <ac:chgData name="Ajwaliya, Nishit" userId="d6171631-3d08-453d-8afd-2dc62a5026e2" providerId="ADAL" clId="{33BB075F-6A8F-4A4A-9BAC-701602B376C8}" dt="2021-07-21T17:51:17.117" v="6" actId="1037"/>
          <ac:spMkLst>
            <pc:docMk/>
            <pc:sldMk cId="802002898" sldId="2147307484"/>
            <ac:spMk id="128" creationId="{42E3C3F5-1547-421C-A2A3-071D520F9AA3}"/>
          </ac:spMkLst>
        </pc:spChg>
        <pc:spChg chg="mod">
          <ac:chgData name="Ajwaliya, Nishit" userId="d6171631-3d08-453d-8afd-2dc62a5026e2" providerId="ADAL" clId="{33BB075F-6A8F-4A4A-9BAC-701602B376C8}" dt="2021-07-22T13:29:08.573" v="10" actId="1037"/>
          <ac:spMkLst>
            <pc:docMk/>
            <pc:sldMk cId="802002898" sldId="2147307484"/>
            <ac:spMk id="155" creationId="{FA445F10-C787-448B-AE7C-7D1BF8D50D56}"/>
          </ac:spMkLst>
        </pc:spChg>
        <pc:spChg chg="mod">
          <ac:chgData name="Ajwaliya, Nishit" userId="d6171631-3d08-453d-8afd-2dc62a5026e2" providerId="ADAL" clId="{33BB075F-6A8F-4A4A-9BAC-701602B376C8}" dt="2021-07-21T17:51:25.145" v="7" actId="1037"/>
          <ac:spMkLst>
            <pc:docMk/>
            <pc:sldMk cId="802002898" sldId="2147307484"/>
            <ac:spMk id="163" creationId="{BDD54725-3AE1-481F-A3CE-8E571CD871EC}"/>
          </ac:spMkLst>
        </pc:spChg>
        <pc:spChg chg="mod">
          <ac:chgData name="Ajwaliya, Nishit" userId="d6171631-3d08-453d-8afd-2dc62a5026e2" providerId="ADAL" clId="{33BB075F-6A8F-4A4A-9BAC-701602B376C8}" dt="2021-07-22T13:29:12.599" v="11" actId="1038"/>
          <ac:spMkLst>
            <pc:docMk/>
            <pc:sldMk cId="802002898" sldId="2147307484"/>
            <ac:spMk id="177" creationId="{F87CC682-6CBB-494A-8113-DA1E61FE62C6}"/>
          </ac:spMkLst>
        </pc:spChg>
        <pc:spChg chg="mod">
          <ac:chgData name="Ajwaliya, Nishit" userId="d6171631-3d08-453d-8afd-2dc62a5026e2" providerId="ADAL" clId="{33BB075F-6A8F-4A4A-9BAC-701602B376C8}" dt="2021-07-21T17:51:12.524" v="5" actId="1038"/>
          <ac:spMkLst>
            <pc:docMk/>
            <pc:sldMk cId="802002898" sldId="2147307484"/>
            <ac:spMk id="189" creationId="{5D211D3C-73F0-46FA-AD56-2BDECB55C184}"/>
          </ac:spMkLst>
        </pc:spChg>
        <pc:cxnChg chg="mod">
          <ac:chgData name="Ajwaliya, Nishit" userId="d6171631-3d08-453d-8afd-2dc62a5026e2" providerId="ADAL" clId="{33BB075F-6A8F-4A4A-9BAC-701602B376C8}" dt="2021-07-22T13:28:47.152" v="8" actId="14100"/>
          <ac:cxnSpMkLst>
            <pc:docMk/>
            <pc:sldMk cId="802002898" sldId="2147307484"/>
            <ac:cxnSpMk id="122" creationId="{F961ADB8-2408-4630-9023-115E0C7AD7C2}"/>
          </ac:cxnSpMkLst>
        </pc:cxnChg>
      </pc:sldChg>
      <pc:sldChg chg="delSp add ord">
        <pc:chgData name="Ajwaliya, Nishit" userId="d6171631-3d08-453d-8afd-2dc62a5026e2" providerId="ADAL" clId="{33BB075F-6A8F-4A4A-9BAC-701602B376C8}" dt="2021-07-02T19:55:53.166" v="2" actId="478"/>
        <pc:sldMkLst>
          <pc:docMk/>
          <pc:sldMk cId="769546165" sldId="2147307526"/>
        </pc:sldMkLst>
        <pc:picChg chg="del">
          <ac:chgData name="Ajwaliya, Nishit" userId="d6171631-3d08-453d-8afd-2dc62a5026e2" providerId="ADAL" clId="{33BB075F-6A8F-4A4A-9BAC-701602B376C8}" dt="2021-07-02T19:55:53.166" v="2" actId="478"/>
          <ac:picMkLst>
            <pc:docMk/>
            <pc:sldMk cId="769546165" sldId="2147307526"/>
            <ac:picMk id="6" creationId="{7A6A94FC-78F6-49A4-A9BF-0BBF64D96C9E}"/>
          </ac:picMkLst>
        </pc:picChg>
      </pc:sldChg>
    </pc:docChg>
  </pc:docChgLst>
  <pc:docChgLst>
    <pc:chgData name="Nishit" userId="d6171631-3d08-453d-8afd-2dc62a5026e2" providerId="ADAL" clId="{4B886E19-A821-4E83-9F56-45CEF01E4AA9}"/>
    <pc:docChg chg="modSld">
      <pc:chgData name="Nishit" userId="d6171631-3d08-453d-8afd-2dc62a5026e2" providerId="ADAL" clId="{4B886E19-A821-4E83-9F56-45CEF01E4AA9}" dt="2021-09-21T20:21:29.618" v="2" actId="20577"/>
      <pc:docMkLst>
        <pc:docMk/>
      </pc:docMkLst>
      <pc:sldChg chg="modSp mod">
        <pc:chgData name="Nishit" userId="d6171631-3d08-453d-8afd-2dc62a5026e2" providerId="ADAL" clId="{4B886E19-A821-4E83-9F56-45CEF01E4AA9}" dt="2021-09-21T20:21:29.618" v="2" actId="20577"/>
        <pc:sldMkLst>
          <pc:docMk/>
          <pc:sldMk cId="2312719742" sldId="2147307528"/>
        </pc:sldMkLst>
        <pc:spChg chg="mod">
          <ac:chgData name="Nishit" userId="d6171631-3d08-453d-8afd-2dc62a5026e2" providerId="ADAL" clId="{4B886E19-A821-4E83-9F56-45CEF01E4AA9}" dt="2021-09-21T20:21:29.618" v="2" actId="20577"/>
          <ac:spMkLst>
            <pc:docMk/>
            <pc:sldMk cId="2312719742" sldId="2147307528"/>
            <ac:spMk id="112" creationId="{0E261F3A-3AEF-4DF9-A3B5-3153A121D3EA}"/>
          </ac:spMkLst>
        </pc:spChg>
      </pc:sldChg>
    </pc:docChg>
  </pc:docChgLst>
  <pc:docChgLst>
    <pc:chgData name="Ajwaliya, Nishit" userId="d6171631-3d08-453d-8afd-2dc62a5026e2" providerId="ADAL" clId="{4B886E19-A821-4E83-9F56-45CEF01E4AA9}"/>
    <pc:docChg chg="undo custSel delSld modSld">
      <pc:chgData name="Ajwaliya, Nishit" userId="d6171631-3d08-453d-8afd-2dc62a5026e2" providerId="ADAL" clId="{4B886E19-A821-4E83-9F56-45CEF01E4AA9}" dt="2021-09-16T20:12:46.827" v="138" actId="14100"/>
      <pc:docMkLst>
        <pc:docMk/>
      </pc:docMkLst>
      <pc:sldChg chg="del">
        <pc:chgData name="Ajwaliya, Nishit" userId="d6171631-3d08-453d-8afd-2dc62a5026e2" providerId="ADAL" clId="{4B886E19-A821-4E83-9F56-45CEF01E4AA9}" dt="2021-09-16T15:04:26.351" v="29" actId="47"/>
        <pc:sldMkLst>
          <pc:docMk/>
          <pc:sldMk cId="2091940999" sldId="2147307485"/>
        </pc:sldMkLst>
      </pc:sldChg>
      <pc:sldChg chg="addSp delSp modSp mod">
        <pc:chgData name="Ajwaliya, Nishit" userId="d6171631-3d08-453d-8afd-2dc62a5026e2" providerId="ADAL" clId="{4B886E19-A821-4E83-9F56-45CEF01E4AA9}" dt="2021-09-09T17:42:39.109" v="4" actId="1076"/>
        <pc:sldMkLst>
          <pc:docMk/>
          <pc:sldMk cId="4091386711" sldId="2147307527"/>
        </pc:sldMkLst>
        <pc:picChg chg="add mod">
          <ac:chgData name="Ajwaliya, Nishit" userId="d6171631-3d08-453d-8afd-2dc62a5026e2" providerId="ADAL" clId="{4B886E19-A821-4E83-9F56-45CEF01E4AA9}" dt="2021-09-09T17:42:39.109" v="4" actId="1076"/>
          <ac:picMkLst>
            <pc:docMk/>
            <pc:sldMk cId="4091386711" sldId="2147307527"/>
            <ac:picMk id="4" creationId="{8C99F775-4441-40AA-A4CA-699C73FD2F48}"/>
          </ac:picMkLst>
        </pc:picChg>
        <pc:picChg chg="del">
          <ac:chgData name="Ajwaliya, Nishit" userId="d6171631-3d08-453d-8afd-2dc62a5026e2" providerId="ADAL" clId="{4B886E19-A821-4E83-9F56-45CEF01E4AA9}" dt="2021-09-09T17:42:31.186" v="0" actId="478"/>
          <ac:picMkLst>
            <pc:docMk/>
            <pc:sldMk cId="4091386711" sldId="2147307527"/>
            <ac:picMk id="5" creationId="{812B3865-953F-4428-A0BF-5340ADE08107}"/>
          </ac:picMkLst>
        </pc:picChg>
      </pc:sldChg>
      <pc:sldChg chg="addSp delSp modSp mod">
        <pc:chgData name="Ajwaliya, Nishit" userId="d6171631-3d08-453d-8afd-2dc62a5026e2" providerId="ADAL" clId="{4B886E19-A821-4E83-9F56-45CEF01E4AA9}" dt="2021-09-16T20:12:46.827" v="138" actId="14100"/>
        <pc:sldMkLst>
          <pc:docMk/>
          <pc:sldMk cId="2312719742" sldId="2147307528"/>
        </pc:sldMkLst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3" creationId="{E705DD29-DEEB-40F2-955C-8E9F8269A2E5}"/>
          </ac:spMkLst>
        </pc:spChg>
        <pc:spChg chg="mod">
          <ac:chgData name="Ajwaliya, Nishit" userId="d6171631-3d08-453d-8afd-2dc62a5026e2" providerId="ADAL" clId="{4B886E19-A821-4E83-9F56-45CEF01E4AA9}" dt="2021-09-16T15:03:11.453" v="26" actId="14100"/>
          <ac:spMkLst>
            <pc:docMk/>
            <pc:sldMk cId="2312719742" sldId="2147307528"/>
            <ac:spMk id="26" creationId="{24293CC2-EA11-43DE-85FC-3184F8128656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76" creationId="{9A520CC5-FA03-4165-9311-61DCAD63AA0D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97" creationId="{6E524798-4223-4344-86DC-003903A21CC8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05" creationId="{B4573916-DB99-4B23-AC58-52569CC342AA}"/>
          </ac:spMkLst>
        </pc:spChg>
        <pc:spChg chg="add mod">
          <ac:chgData name="Ajwaliya, Nishit" userId="d6171631-3d08-453d-8afd-2dc62a5026e2" providerId="ADAL" clId="{4B886E19-A821-4E83-9F56-45CEF01E4AA9}" dt="2021-09-16T19:26:45.064" v="73" actId="1037"/>
          <ac:spMkLst>
            <pc:docMk/>
            <pc:sldMk cId="2312719742" sldId="2147307528"/>
            <ac:spMk id="106" creationId="{349290AA-5EEE-4517-B6AD-EB63B50A3578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08" creationId="{07FB3EA8-A80D-4FA3-92E8-FF6E97646D8E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09" creationId="{58A5E0AF-AF8D-49C2-A190-BD3E384D995C}"/>
          </ac:spMkLst>
        </pc:spChg>
        <pc:spChg chg="add mod">
          <ac:chgData name="Ajwaliya, Nishit" userId="d6171631-3d08-453d-8afd-2dc62a5026e2" providerId="ADAL" clId="{4B886E19-A821-4E83-9F56-45CEF01E4AA9}" dt="2021-09-16T19:27:47.437" v="117" actId="20577"/>
          <ac:spMkLst>
            <pc:docMk/>
            <pc:sldMk cId="2312719742" sldId="2147307528"/>
            <ac:spMk id="112" creationId="{0E261F3A-3AEF-4DF9-A3B5-3153A121D3EA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3" creationId="{ABEB2400-D7CA-4C71-9553-11AAB9242DDB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4" creationId="{B0B41EC2-815E-4E21-A322-3818CD0ADE2F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5" creationId="{5DB909F7-2BA1-4869-B618-AFD63DC1FD7B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6" creationId="{D3DBF1A3-439E-46C3-8DC9-4CBBD205A50C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7" creationId="{D053868B-F886-41A0-AC9B-1B3E131F1D7E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18" creationId="{B94D045F-CB86-42B8-B7ED-DFC4D176FB6C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23" creationId="{1F8F5CB0-955E-443F-A501-7EB27A42F126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24" creationId="{0F8BAFA5-C39E-4D40-BEAB-6ECE84C10D74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25" creationId="{1C748C3D-94DF-43FE-96B3-A700756508CE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26" creationId="{F24ED024-8BEE-474D-A1C7-731AE9E7D118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28" creationId="{42E3C3F5-1547-421C-A2A3-071D520F9AA3}"/>
          </ac:spMkLst>
        </pc:spChg>
        <pc:spChg chg="add 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29" creationId="{0FFD3580-84AD-4213-BA53-012C34DA9551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30" creationId="{28D44024-805C-42A3-A536-7F7CD8072048}"/>
          </ac:spMkLst>
        </pc:spChg>
        <pc:spChg chg="add del mod">
          <ac:chgData name="Ajwaliya, Nishit" userId="d6171631-3d08-453d-8afd-2dc62a5026e2" providerId="ADAL" clId="{4B886E19-A821-4E83-9F56-45CEF01E4AA9}" dt="2021-09-16T19:27:43.043" v="113" actId="478"/>
          <ac:spMkLst>
            <pc:docMk/>
            <pc:sldMk cId="2312719742" sldId="2147307528"/>
            <ac:spMk id="131" creationId="{8AA500A6-803B-4E6E-89B6-0A49E39B5F0D}"/>
          </ac:spMkLst>
        </pc:spChg>
        <pc:spChg chg="add del mod">
          <ac:chgData name="Ajwaliya, Nishit" userId="d6171631-3d08-453d-8afd-2dc62a5026e2" providerId="ADAL" clId="{4B886E19-A821-4E83-9F56-45CEF01E4AA9}" dt="2021-09-16T19:27:43.043" v="113" actId="478"/>
          <ac:spMkLst>
            <pc:docMk/>
            <pc:sldMk cId="2312719742" sldId="2147307528"/>
            <ac:spMk id="132" creationId="{EDBAFEF1-46B5-4D1C-8D96-62B76120FB3B}"/>
          </ac:spMkLst>
        </pc:spChg>
        <pc:spChg chg="mod">
          <ac:chgData name="Ajwaliya, Nishit" userId="d6171631-3d08-453d-8afd-2dc62a5026e2" providerId="ADAL" clId="{4B886E19-A821-4E83-9F56-45CEF01E4AA9}" dt="2021-09-16T19:26:14.020" v="66" actId="1038"/>
          <ac:spMkLst>
            <pc:docMk/>
            <pc:sldMk cId="2312719742" sldId="2147307528"/>
            <ac:spMk id="133" creationId="{3272B8BB-B968-4C50-992E-6482D9F8745E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34" creationId="{DDC0F982-804C-4C13-B6CF-886890383620}"/>
          </ac:spMkLst>
        </pc:spChg>
        <pc:spChg chg="mod">
          <ac:chgData name="Ajwaliya, Nishit" userId="d6171631-3d08-453d-8afd-2dc62a5026e2" providerId="ADAL" clId="{4B886E19-A821-4E83-9F56-45CEF01E4AA9}" dt="2021-09-16T19:27:06.657" v="85" actId="20577"/>
          <ac:spMkLst>
            <pc:docMk/>
            <pc:sldMk cId="2312719742" sldId="2147307528"/>
            <ac:spMk id="138" creationId="{C5E0B5E7-7900-49EA-AD84-0B2C9DA3631F}"/>
          </ac:spMkLst>
        </pc:spChg>
        <pc:spChg chg="mod">
          <ac:chgData name="Ajwaliya, Nishit" userId="d6171631-3d08-453d-8afd-2dc62a5026e2" providerId="ADAL" clId="{4B886E19-A821-4E83-9F56-45CEF01E4AA9}" dt="2021-09-16T19:26:34.094" v="71" actId="1035"/>
          <ac:spMkLst>
            <pc:docMk/>
            <pc:sldMk cId="2312719742" sldId="2147307528"/>
            <ac:spMk id="142" creationId="{7E5D1AD3-EE5B-4258-8631-DEA307AB5101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44" creationId="{D9F430B6-AA12-4E55-BD8E-7F722DCC89EC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55" creationId="{FA445F10-C787-448B-AE7C-7D1BF8D50D56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63" creationId="{BDD54725-3AE1-481F-A3CE-8E571CD871EC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65" creationId="{55FE46CB-4BAC-43D4-A7E3-73079C9B0A17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67" creationId="{87D8CC1F-B56A-4529-87AE-1441B76F21CA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169" creationId="{CA387B1C-1433-491C-888E-0EAE240B1442}"/>
          </ac:spMkLst>
        </pc:spChg>
        <pc:spChg chg="mod">
          <ac:chgData name="Ajwaliya, Nishit" userId="d6171631-3d08-453d-8afd-2dc62a5026e2" providerId="ADAL" clId="{4B886E19-A821-4E83-9F56-45CEF01E4AA9}" dt="2021-09-16T19:26:14.020" v="66" actId="1038"/>
          <ac:spMkLst>
            <pc:docMk/>
            <pc:sldMk cId="2312719742" sldId="2147307528"/>
            <ac:spMk id="171" creationId="{A4968A38-1CB8-45E4-989B-D07B14C18791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74" creationId="{6E729406-BCD9-431E-8B26-6F97A4C03E00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76" creationId="{6FFA297E-BD4C-4984-8DA1-974107E360C0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77" creationId="{F87CC682-6CBB-494A-8113-DA1E61FE62C6}"/>
          </ac:spMkLst>
        </pc:spChg>
        <pc:spChg chg="mod">
          <ac:chgData name="Ajwaliya, Nishit" userId="d6171631-3d08-453d-8afd-2dc62a5026e2" providerId="ADAL" clId="{4B886E19-A821-4E83-9F56-45CEF01E4AA9}" dt="2021-09-16T19:26:14.020" v="66" actId="1038"/>
          <ac:spMkLst>
            <pc:docMk/>
            <pc:sldMk cId="2312719742" sldId="2147307528"/>
            <ac:spMk id="179" creationId="{2F6E28C1-E0B7-4DB7-B52F-A5FF83593D7A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81" creationId="{553BDFC6-BEB6-45E4-B002-7547682B4B9D}"/>
          </ac:spMkLst>
        </pc:spChg>
        <pc:spChg chg="mod">
          <ac:chgData name="Ajwaliya, Nishit" userId="d6171631-3d08-453d-8afd-2dc62a5026e2" providerId="ADAL" clId="{4B886E19-A821-4E83-9F56-45CEF01E4AA9}" dt="2021-09-16T19:26:14.020" v="66" actId="1038"/>
          <ac:spMkLst>
            <pc:docMk/>
            <pc:sldMk cId="2312719742" sldId="2147307528"/>
            <ac:spMk id="187" creationId="{EFF18A99-ABA3-4DD1-8F4C-F92ED78F9CC9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88" creationId="{4BE12BDB-E35A-4FA6-9DAC-9E141D05A38F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189" creationId="{5D211D3C-73F0-46FA-AD56-2BDECB55C184}"/>
          </ac:spMkLst>
        </pc:spChg>
        <pc:spChg chg="mod">
          <ac:chgData name="Ajwaliya, Nishit" userId="d6171631-3d08-453d-8afd-2dc62a5026e2" providerId="ADAL" clId="{4B886E19-A821-4E83-9F56-45CEF01E4AA9}" dt="2021-09-16T20:11:06.987" v="135" actId="1038"/>
          <ac:spMkLst>
            <pc:docMk/>
            <pc:sldMk cId="2312719742" sldId="2147307528"/>
            <ac:spMk id="203" creationId="{01978453-8B00-4A50-85D1-D02BB9CA7E7C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07" creationId="{D9CD409A-2087-48B4-993A-8965746DAF94}"/>
          </ac:spMkLst>
        </pc:spChg>
        <pc:spChg chg="add del mod">
          <ac:chgData name="Ajwaliya, Nishit" userId="d6171631-3d08-453d-8afd-2dc62a5026e2" providerId="ADAL" clId="{4B886E19-A821-4E83-9F56-45CEF01E4AA9}" dt="2021-09-16T19:27:39.948" v="112" actId="478"/>
          <ac:spMkLst>
            <pc:docMk/>
            <pc:sldMk cId="2312719742" sldId="2147307528"/>
            <ac:spMk id="208" creationId="{61A32064-03CA-4AE7-BE8D-FC359646695B}"/>
          </ac:spMkLst>
        </pc:spChg>
        <pc:spChg chg="add del mod">
          <ac:chgData name="Ajwaliya, Nishit" userId="d6171631-3d08-453d-8afd-2dc62a5026e2" providerId="ADAL" clId="{4B886E19-A821-4E83-9F56-45CEF01E4AA9}" dt="2021-09-16T19:27:39.948" v="112" actId="478"/>
          <ac:spMkLst>
            <pc:docMk/>
            <pc:sldMk cId="2312719742" sldId="2147307528"/>
            <ac:spMk id="210" creationId="{4709E27B-FE41-4D5F-AD41-BC3B13DDCF48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1" creationId="{D20D57CD-2D20-43B0-85A7-7E8142C5EE11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4" creationId="{5E2E6BE7-326E-41CD-85A2-E03A52B74CC8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5" creationId="{6733E616-888B-470F-BAEC-AC78C624C992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7" creationId="{870F50A0-1175-47E9-92E7-DD46C849A279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8" creationId="{D5497791-1749-4298-9ECB-ABE31C240E5C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19" creationId="{6ECDE740-6837-4482-A75D-75D5CCCE1BE7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0" creationId="{EBF61E9E-C86F-4FCA-9664-C3BD1EAFFF2C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1" creationId="{3FEFAC13-FA4E-4722-8636-B0F4DB14B444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2" creationId="{36EE1830-4B80-4640-8773-23ACCEC0C97E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3" creationId="{D1BA4C75-1521-4DA8-9152-3A8902EEB53D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4" creationId="{F68889B6-1E8B-49C4-8457-3D36B7EC7231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5" creationId="{09087ACF-D453-4EBC-917B-F62E2471B9D5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6" creationId="{09701D7A-AEC3-4A15-9738-081D896783D1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27" creationId="{19F29F9B-05DD-4654-B270-BA9844B52123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0" creationId="{59218CDC-934C-45B4-81B5-23EADF04DBE4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1" creationId="{FF32807F-AF23-4470-B5FD-E1C220319C59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3" creationId="{9DC391FA-582E-462D-B80B-562DD6B38DFB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4" creationId="{65093B07-58CD-49EE-AC14-71373A166F11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5" creationId="{8FC37195-304C-48AF-BC1C-B1497FFCB94E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6" creationId="{7894B957-F935-4FE5-B515-B030CE51CF27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7" creationId="{1EA67941-3F59-4EAD-8228-FF39264EB893}"/>
          </ac:spMkLst>
        </pc:spChg>
        <pc:spChg chg="mod">
          <ac:chgData name="Ajwaliya, Nishit" userId="d6171631-3d08-453d-8afd-2dc62a5026e2" providerId="ADAL" clId="{4B886E19-A821-4E83-9F56-45CEF01E4AA9}" dt="2021-09-16T19:58:15.175" v="129" actId="1038"/>
          <ac:spMkLst>
            <pc:docMk/>
            <pc:sldMk cId="2312719742" sldId="2147307528"/>
            <ac:spMk id="238" creationId="{BB5198DF-7051-4F6D-A5D0-0E9E52DE6BC1}"/>
          </ac:spMkLst>
        </pc:spChg>
        <pc:picChg chg="mod">
          <ac:chgData name="Ajwaliya, Nishit" userId="d6171631-3d08-453d-8afd-2dc62a5026e2" providerId="ADAL" clId="{4B886E19-A821-4E83-9F56-45CEF01E4AA9}" dt="2021-09-16T19:58:15.175" v="129" actId="1038"/>
          <ac:picMkLst>
            <pc:docMk/>
            <pc:sldMk cId="2312719742" sldId="2147307528"/>
            <ac:picMk id="162" creationId="{D806E5C4-F5B7-4465-8699-4743B4EDE32C}"/>
          </ac:picMkLst>
        </pc:picChg>
        <pc:picChg chg="mod">
          <ac:chgData name="Ajwaliya, Nishit" userId="d6171631-3d08-453d-8afd-2dc62a5026e2" providerId="ADAL" clId="{4B886E19-A821-4E83-9F56-45CEF01E4AA9}" dt="2021-09-16T19:58:15.175" v="129" actId="1038"/>
          <ac:picMkLst>
            <pc:docMk/>
            <pc:sldMk cId="2312719742" sldId="2147307528"/>
            <ac:picMk id="164" creationId="{23DC112B-D90B-4346-8F00-D4444FA6DDFE}"/>
          </ac:picMkLst>
        </pc:picChg>
        <pc:picChg chg="mod">
          <ac:chgData name="Ajwaliya, Nishit" userId="d6171631-3d08-453d-8afd-2dc62a5026e2" providerId="ADAL" clId="{4B886E19-A821-4E83-9F56-45CEF01E4AA9}" dt="2021-09-16T19:58:15.175" v="129" actId="1038"/>
          <ac:picMkLst>
            <pc:docMk/>
            <pc:sldMk cId="2312719742" sldId="2147307528"/>
            <ac:picMk id="166" creationId="{ACBC42D8-1DCB-4CA5-A375-F401A599726A}"/>
          </ac:picMkLst>
        </pc:picChg>
        <pc:picChg chg="mod">
          <ac:chgData name="Ajwaliya, Nishit" userId="d6171631-3d08-453d-8afd-2dc62a5026e2" providerId="ADAL" clId="{4B886E19-A821-4E83-9F56-45CEF01E4AA9}" dt="2021-09-16T19:58:15.175" v="129" actId="1038"/>
          <ac:picMkLst>
            <pc:docMk/>
            <pc:sldMk cId="2312719742" sldId="2147307528"/>
            <ac:picMk id="168" creationId="{6CD85B61-1744-428F-99BE-BC0E382F68E6}"/>
          </ac:picMkLst>
        </pc:picChg>
        <pc:cxnChg chg="mod">
          <ac:chgData name="Ajwaliya, Nishit" userId="d6171631-3d08-453d-8afd-2dc62a5026e2" providerId="ADAL" clId="{4B886E19-A821-4E83-9F56-45CEF01E4AA9}" dt="2021-09-16T20:12:46.827" v="138" actId="14100"/>
          <ac:cxnSpMkLst>
            <pc:docMk/>
            <pc:sldMk cId="2312719742" sldId="2147307528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4B886E19-A821-4E83-9F56-45CEF01E4AA9}" dt="2021-09-16T19:58:15.175" v="129" actId="1038"/>
          <ac:cxnSpMkLst>
            <pc:docMk/>
            <pc:sldMk cId="2312719742" sldId="2147307528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4B886E19-A821-4E83-9F56-45CEF01E4AA9}" dt="2021-09-16T19:58:15.175" v="129" actId="1038"/>
          <ac:cxnSpMkLst>
            <pc:docMk/>
            <pc:sldMk cId="2312719742" sldId="2147307528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4B886E19-A821-4E83-9F56-45CEF01E4AA9}" dt="2021-09-16T19:58:15.175" v="129" actId="1038"/>
          <ac:cxnSpMkLst>
            <pc:docMk/>
            <pc:sldMk cId="2312719742" sldId="2147307528"/>
            <ac:cxnSpMk id="136" creationId="{F7671822-8FF2-476B-9E10-A02943AAFC20}"/>
          </ac:cxnSpMkLst>
        </pc:cxnChg>
      </pc:sldChg>
    </pc:docChg>
  </pc:docChgLst>
  <pc:docChgLst>
    <pc:chgData name="Ajwaliya, Nishit" userId="d6171631-3d08-453d-8afd-2dc62a5026e2" providerId="ADAL" clId="{7427013D-5B51-4590-81FF-4F4303F4ECBF}"/>
    <pc:docChg chg="undo redo custSel addSld delSld modSld sldOrd">
      <pc:chgData name="Ajwaliya, Nishit" userId="d6171631-3d08-453d-8afd-2dc62a5026e2" providerId="ADAL" clId="{7427013D-5B51-4590-81FF-4F4303F4ECBF}" dt="2021-08-06T18:22:59.850" v="132" actId="1038"/>
      <pc:docMkLst>
        <pc:docMk/>
      </pc:docMkLst>
      <pc:sldChg chg="del">
        <pc:chgData name="Ajwaliya, Nishit" userId="d6171631-3d08-453d-8afd-2dc62a5026e2" providerId="ADAL" clId="{7427013D-5B51-4590-81FF-4F4303F4ECBF}" dt="2021-07-26T13:06:30.243" v="45" actId="47"/>
        <pc:sldMkLst>
          <pc:docMk/>
          <pc:sldMk cId="802002898" sldId="2147307484"/>
        </pc:sldMkLst>
      </pc:sldChg>
      <pc:sldChg chg="add del ord">
        <pc:chgData name="Ajwaliya, Nishit" userId="d6171631-3d08-453d-8afd-2dc62a5026e2" providerId="ADAL" clId="{7427013D-5B51-4590-81FF-4F4303F4ECBF}" dt="2021-07-29T22:17:52.757" v="70" actId="47"/>
        <pc:sldMkLst>
          <pc:docMk/>
          <pc:sldMk cId="3299959604" sldId="2147307484"/>
        </pc:sldMkLst>
      </pc:sldChg>
      <pc:sldChg chg="modSp mod">
        <pc:chgData name="Ajwaliya, Nishit" userId="d6171631-3d08-453d-8afd-2dc62a5026e2" providerId="ADAL" clId="{7427013D-5B51-4590-81FF-4F4303F4ECBF}" dt="2021-08-04T13:53:26.616" v="99" actId="14100"/>
        <pc:sldMkLst>
          <pc:docMk/>
          <pc:sldMk cId="2091940999" sldId="2147307485"/>
        </pc:sldMkLst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0" creationId="{0D866FF3-9CA9-401E-8090-9BC3E69E4D1F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1" creationId="{BF51085E-3ED0-4653-A3DC-F787A7E64632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53" creationId="{61D5E1E9-A2E4-4D2D-AF92-2A039C328CA2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54" creationId="{A546557B-13D7-4A02-86E6-7E9E47D53B49}"/>
          </ac:spMkLst>
        </pc:spChg>
        <pc:spChg chg="mod">
          <ac:chgData name="Ajwaliya, Nishit" userId="d6171631-3d08-453d-8afd-2dc62a5026e2" providerId="ADAL" clId="{7427013D-5B51-4590-81FF-4F4303F4ECBF}" dt="2021-08-04T13:53:26.616" v="99" actId="14100"/>
          <ac:spMkLst>
            <pc:docMk/>
            <pc:sldMk cId="2091940999" sldId="2147307485"/>
            <ac:spMk id="138" creationId="{C5E0B5E7-7900-49EA-AD84-0B2C9DA3631F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2" creationId="{5BABB083-64E1-4728-A9B4-7EC38E19DD1B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3" creationId="{8947B373-7886-4464-95CB-2DB10E22B1D8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88" creationId="{CE9277A0-BE5F-4B11-B3F8-500486A18E0B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0" creationId="{A61EFE0B-6F1C-45B5-8DD8-2087F05E14C7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4" creationId="{7E6BDABE-EE00-4AE9-9882-41F696F8A167}"/>
          </ac:spMkLst>
        </pc:spChg>
        <pc:spChg chg="mod">
          <ac:chgData name="Ajwaliya, Nishit" userId="d6171631-3d08-453d-8afd-2dc62a5026e2" providerId="ADAL" clId="{7427013D-5B51-4590-81FF-4F4303F4ECBF}" dt="2021-08-04T13:52:18.656" v="98" actId="255"/>
          <ac:spMkLst>
            <pc:docMk/>
            <pc:sldMk cId="2091940999" sldId="2147307485"/>
            <ac:spMk id="299" creationId="{7AE020E3-1DDC-44D6-838C-96B4ABE97462}"/>
          </ac:spMkLst>
        </pc:spChg>
      </pc:sldChg>
      <pc:sldChg chg="del">
        <pc:chgData name="Ajwaliya, Nishit" userId="d6171631-3d08-453d-8afd-2dc62a5026e2" providerId="ADAL" clId="{7427013D-5B51-4590-81FF-4F4303F4ECBF}" dt="2021-07-26T00:16:24.856" v="30" actId="47"/>
        <pc:sldMkLst>
          <pc:docMk/>
          <pc:sldMk cId="769546165" sldId="2147307526"/>
        </pc:sldMkLst>
      </pc:sldChg>
      <pc:sldChg chg="addSp delSp modSp add mod ord">
        <pc:chgData name="Ajwaliya, Nishit" userId="d6171631-3d08-453d-8afd-2dc62a5026e2" providerId="ADAL" clId="{7427013D-5B51-4590-81FF-4F4303F4ECBF}" dt="2021-07-27T04:22:00.117" v="58" actId="22"/>
        <pc:sldMkLst>
          <pc:docMk/>
          <pc:sldMk cId="4091386711" sldId="2147307527"/>
        </pc:sldMkLst>
        <pc:spChg chg="add del mod">
          <ac:chgData name="Ajwaliya, Nishit" userId="d6171631-3d08-453d-8afd-2dc62a5026e2" providerId="ADAL" clId="{7427013D-5B51-4590-81FF-4F4303F4ECBF}" dt="2021-07-26T18:45:26.719" v="52" actId="478"/>
          <ac:spMkLst>
            <pc:docMk/>
            <pc:sldMk cId="4091386711" sldId="2147307527"/>
            <ac:spMk id="2" creationId="{65606505-0DE3-4026-B55A-3FA303F48ACA}"/>
          </ac:spMkLst>
        </pc:spChg>
        <pc:spChg chg="add del mod">
          <ac:chgData name="Ajwaliya, Nishit" userId="d6171631-3d08-453d-8afd-2dc62a5026e2" providerId="ADAL" clId="{7427013D-5B51-4590-81FF-4F4303F4ECBF}" dt="2021-07-26T18:45:26.719" v="52" actId="478"/>
          <ac:spMkLst>
            <pc:docMk/>
            <pc:sldMk cId="4091386711" sldId="2147307527"/>
            <ac:spMk id="3" creationId="{406DEE7B-D92F-400A-9F8E-70ECC65149A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3" creationId="{E705DD29-DEEB-40F2-955C-8E9F8269A2E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4" creationId="{F22F5D03-DBE6-4766-B9F0-652066D84E4F}"/>
          </ac:spMkLst>
        </pc:spChg>
        <pc:spChg chg="del">
          <ac:chgData name="Ajwaliya, Nishit" userId="d6171631-3d08-453d-8afd-2dc62a5026e2" providerId="ADAL" clId="{7427013D-5B51-4590-81FF-4F4303F4ECBF}" dt="2021-07-23T23:32:09.511" v="24" actId="478"/>
          <ac:spMkLst>
            <pc:docMk/>
            <pc:sldMk cId="4091386711" sldId="2147307527"/>
            <ac:spMk id="9" creationId="{63CBB09D-EE89-48CC-A59F-A838F6A6E4AB}"/>
          </ac:spMkLst>
        </pc:spChg>
        <pc:spChg chg="del">
          <ac:chgData name="Ajwaliya, Nishit" userId="d6171631-3d08-453d-8afd-2dc62a5026e2" providerId="ADAL" clId="{7427013D-5B51-4590-81FF-4F4303F4ECBF}" dt="2021-07-23T23:32:11.880" v="25" actId="478"/>
          <ac:spMkLst>
            <pc:docMk/>
            <pc:sldMk cId="4091386711" sldId="2147307527"/>
            <ac:spMk id="22" creationId="{DCA00580-B033-4CE3-A0EC-9D792B642F8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6" creationId="{24293CC2-EA11-43DE-85FC-3184F81286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67" creationId="{13AF4990-BEC8-4F76-90A9-21EF7C67AE3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69" creationId="{01B95DB8-8395-45E2-8451-4D61E9C8C07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70" creationId="{CB334639-855E-4746-BFC5-89E45E4FD7C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76" creationId="{9A520CC5-FA03-4165-9311-61DCAD63AA0D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4" creationId="{60BBD388-7AED-42EE-A76C-C401F0E3C96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6" creationId="{7BEAD126-BC38-4A82-9ADF-631A1EB5B79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7" creationId="{D171760A-447B-483E-87A3-5A7511C18F9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88" creationId="{1C61089B-9BC4-4D8D-B373-9B95214FAE1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97" creationId="{6E524798-4223-4344-86DC-003903A21CC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99" creationId="{A505583B-D85D-436F-999A-765C74864B8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0" creationId="{7EF2B686-B864-4A0C-976A-AC294FF493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1" creationId="{4C33FBD4-26E9-4AC0-A02D-19F1DE2953E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2" creationId="{9D1A6A48-41ED-4AC2-AFCF-84B960F8E0F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3" creationId="{9E79760A-8C07-46FB-A2AB-5C7E24D6A6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4" creationId="{705A9A38-02C7-4EB3-B963-C23BA41B005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5" creationId="{B4573916-DB99-4B23-AC58-52569CC342A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6" creationId="{6F71CB73-EAE8-4326-9E84-00E5ACA661C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7" creationId="{8C9ADB6B-5737-44AB-BA35-BDF2293631E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08" creationId="{D606C7CB-024E-44F8-9DF9-1638DB7E00F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0" creationId="{6F87E31E-712F-4AB2-82B8-8BCF5ED1EFF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1" creationId="{7B33BC42-F6C2-4925-8E71-5FE5BE7BB53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19" creationId="{667A639C-B9C3-4DD1-ABE8-08EA94BC3D8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0" creationId="{0985C24F-0727-47A9-A4DC-E0DF87EF2AA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1" creationId="{378FE9D9-C8AA-4E60-9C0C-66590B1E21B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4" creationId="{0F8BAFA5-C39E-4D40-BEAB-6ECE84C10D7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5" creationId="{1C748C3D-94DF-43FE-96B3-A700756508C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6" creationId="{F24ED024-8BEE-474D-A1C7-731AE9E7D11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28" creationId="{42E3C3F5-1547-421C-A2A3-071D520F9AA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0" creationId="{28D44024-805C-42A3-A536-7F7CD80720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3" creationId="{3272B8BB-B968-4C50-992E-6482D9F8745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4" creationId="{DDC0F982-804C-4C13-B6CF-88689038362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5" creationId="{29EF487B-6194-4129-AC46-A7DEFC1BC40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8" creationId="{C5E0B5E7-7900-49EA-AD84-0B2C9DA3631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39" creationId="{B63DC23E-751D-488B-90E7-2F7AB402268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0" creationId="{3FCD83B7-1EFF-4CD9-A187-C738E53A836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1" creationId="{24BC9807-652F-4E51-9BD1-4BC56411F2C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2" creationId="{7E5D1AD3-EE5B-4258-8631-DEA307AB510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44" creationId="{D9F430B6-AA12-4E55-BD8E-7F722DCC89E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1" creationId="{3A4AC253-3FE1-4C73-ABAA-E3F0D079DB2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2" creationId="{B8132A58-8625-46BA-B378-908981D63D9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3" creationId="{D48604F7-129F-4FAE-90D3-437401E3ECD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4" creationId="{907276B4-0603-4BF9-9900-1A6B72799A9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55" creationId="{FA445F10-C787-448B-AE7C-7D1BF8D50D5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3" creationId="{BDD54725-3AE1-481F-A3CE-8E571CD871E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5" creationId="{55FE46CB-4BAC-43D4-A7E3-73079C9B0A1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7" creationId="{87D8CC1F-B56A-4529-87AE-1441B76F21C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69" creationId="{CA387B1C-1433-491C-888E-0EAE240B144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1" creationId="{A4968A38-1CB8-45E4-989B-D07B14C1879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4" creationId="{6E729406-BCD9-431E-8B26-6F97A4C03E0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6" creationId="{6FFA297E-BD4C-4984-8DA1-974107E360C0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7" creationId="{F87CC682-6CBB-494A-8113-DA1E61FE62C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79" creationId="{2F6E28C1-E0B7-4DB7-B52F-A5FF83593D7A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1" creationId="{553BDFC6-BEB6-45E4-B002-7547682B4B9D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7" creationId="{EFF18A99-ABA3-4DD1-8F4C-F92ED78F9CC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8" creationId="{4BE12BDB-E35A-4FA6-9DAC-9E141D05A38F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189" creationId="{5D211D3C-73F0-46FA-AD56-2BDECB55C18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3" creationId="{01978453-8B00-4A50-85D1-D02BB9CA7E7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4" creationId="{8592C76E-BEAD-4997-B0BA-B05BD6FD9A26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5" creationId="{A347D48E-0186-41F2-A71B-686BD3326EE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6" creationId="{B6C28F17-2225-4512-B301-49439ABFFEF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7" creationId="{D9CD409A-2087-48B4-993A-8965746DAF9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08" creationId="{61A32064-03CA-4AE7-BE8D-FC359646695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0" creationId="{4709E27B-FE41-4D5F-AD41-BC3B13DDCF4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1" creationId="{D20D57CD-2D20-43B0-85A7-7E8142C5EE1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3" creationId="{2232032A-DFA7-4838-AEC8-875A56E572F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4" creationId="{5E2E6BE7-326E-41CD-85A2-E03A52B74CC8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5" creationId="{6733E616-888B-470F-BAEC-AC78C624C992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7" creationId="{870F50A0-1175-47E9-92E7-DD46C849A27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8" creationId="{D5497791-1749-4298-9ECB-ABE31C240E5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19" creationId="{6ECDE740-6837-4482-A75D-75D5CCCE1BE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0" creationId="{EBF61E9E-C86F-4FCA-9664-C3BD1EAFFF2C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1" creationId="{3FEFAC13-FA4E-4722-8636-B0F4DB14B44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2" creationId="{36EE1830-4B80-4640-8773-23ACCEC0C97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4" creationId="{F68889B6-1E8B-49C4-8457-3D36B7EC723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5" creationId="{09087ACF-D453-4EBC-917B-F62E2471B9D5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6" creationId="{09701D7A-AEC3-4A15-9738-081D896783D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27" creationId="{19F29F9B-05DD-4654-B270-BA9844B5212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0" creationId="{59218CDC-934C-45B4-81B5-23EADF04DBE4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1" creationId="{FF32807F-AF23-4470-B5FD-E1C220319C59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3" creationId="{9DC391FA-582E-462D-B80B-562DD6B38DFB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4" creationId="{65093B07-58CD-49EE-AC14-71373A166F11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5" creationId="{8FC37195-304C-48AF-BC1C-B1497FFCB94E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6" creationId="{7894B957-F935-4FE5-B515-B030CE51CF27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7" creationId="{1EA67941-3F59-4EAD-8228-FF39264EB893}"/>
          </ac:spMkLst>
        </pc:spChg>
        <pc:spChg chg="del">
          <ac:chgData name="Ajwaliya, Nishit" userId="d6171631-3d08-453d-8afd-2dc62a5026e2" providerId="ADAL" clId="{7427013D-5B51-4590-81FF-4F4303F4ECBF}" dt="2021-07-23T23:32:19.292" v="28" actId="478"/>
          <ac:spMkLst>
            <pc:docMk/>
            <pc:sldMk cId="4091386711" sldId="2147307527"/>
            <ac:spMk id="238" creationId="{BB5198DF-7051-4F6D-A5D0-0E9E52DE6BC1}"/>
          </ac:spMkLst>
        </pc:spChg>
        <pc:picChg chg="add del">
          <ac:chgData name="Ajwaliya, Nishit" userId="d6171631-3d08-453d-8afd-2dc62a5026e2" providerId="ADAL" clId="{7427013D-5B51-4590-81FF-4F4303F4ECBF}" dt="2021-07-27T04:21:59.595" v="57" actId="478"/>
          <ac:picMkLst>
            <pc:docMk/>
            <pc:sldMk cId="4091386711" sldId="2147307527"/>
            <ac:picMk id="4" creationId="{236AABB9-9571-4AC7-A3BF-4AD016ED3AF6}"/>
          </ac:picMkLst>
        </pc:picChg>
        <pc:picChg chg="add del mod">
          <ac:chgData name="Ajwaliya, Nishit" userId="d6171631-3d08-453d-8afd-2dc62a5026e2" providerId="ADAL" clId="{7427013D-5B51-4590-81FF-4F4303F4ECBF}" dt="2021-07-26T18:45:29.372" v="53" actId="478"/>
          <ac:picMkLst>
            <pc:docMk/>
            <pc:sldMk cId="4091386711" sldId="2147307527"/>
            <ac:picMk id="4" creationId="{3108CFDF-1CE2-4864-AE80-EFDE5F1AD981}"/>
          </ac:picMkLst>
        </pc:picChg>
        <pc:picChg chg="add">
          <ac:chgData name="Ajwaliya, Nishit" userId="d6171631-3d08-453d-8afd-2dc62a5026e2" providerId="ADAL" clId="{7427013D-5B51-4590-81FF-4F4303F4ECBF}" dt="2021-07-27T04:22:00.117" v="58" actId="22"/>
          <ac:picMkLst>
            <pc:docMk/>
            <pc:sldMk cId="4091386711" sldId="2147307527"/>
            <ac:picMk id="5" creationId="{812B3865-953F-4428-A0BF-5340ADE08107}"/>
          </ac:picMkLst>
        </pc:picChg>
        <pc:picChg chg="add del">
          <ac:chgData name="Ajwaliya, Nishit" userId="d6171631-3d08-453d-8afd-2dc62a5026e2" providerId="ADAL" clId="{7427013D-5B51-4590-81FF-4F4303F4ECBF}" dt="2021-07-27T04:16:34.490" v="55" actId="478"/>
          <ac:picMkLst>
            <pc:docMk/>
            <pc:sldMk cId="4091386711" sldId="2147307527"/>
            <ac:picMk id="6" creationId="{A163469B-F815-47C8-B153-60005A2225C5}"/>
          </ac:picMkLst>
        </pc:picChg>
        <pc:picChg chg="add del">
          <ac:chgData name="Ajwaliya, Nishit" userId="d6171631-3d08-453d-8afd-2dc62a5026e2" providerId="ADAL" clId="{7427013D-5B51-4590-81FF-4F4303F4ECBF}" dt="2021-07-26T13:05:48.733" v="31" actId="478"/>
          <ac:picMkLst>
            <pc:docMk/>
            <pc:sldMk cId="4091386711" sldId="2147307527"/>
            <ac:picMk id="7" creationId="{73C9784E-D3B2-48CB-AA7F-0EA2D8B3FA91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2" creationId="{D806E5C4-F5B7-4465-8699-4743B4EDE32C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4" creationId="{23DC112B-D90B-4346-8F00-D4444FA6DDFE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6" creationId="{ACBC42D8-1DCB-4CA5-A375-F401A599726A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168" creationId="{6CD85B61-1744-428F-99BE-BC0E382F68E6}"/>
          </ac:picMkLst>
        </pc:picChg>
        <pc:picChg chg="del">
          <ac:chgData name="Ajwaliya, Nishit" userId="d6171631-3d08-453d-8afd-2dc62a5026e2" providerId="ADAL" clId="{7427013D-5B51-4590-81FF-4F4303F4ECBF}" dt="2021-07-23T23:32:19.292" v="28" actId="478"/>
          <ac:picMkLst>
            <pc:docMk/>
            <pc:sldMk cId="4091386711" sldId="2147307527"/>
            <ac:picMk id="212" creationId="{073E04DF-8316-4E39-A58D-09FFE3057DB0}"/>
          </ac:picMkLst>
        </pc:pic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5" creationId="{647B011B-7ADE-4400-839C-981A0590474B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22" creationId="{F961ADB8-2408-4630-9023-115E0C7AD7C2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27" creationId="{988282A2-0907-4B4B-9004-B461B0D19AEE}"/>
          </ac:cxnSpMkLst>
        </pc:cxnChg>
        <pc:cxnChg chg="del">
          <ac:chgData name="Ajwaliya, Nishit" userId="d6171631-3d08-453d-8afd-2dc62a5026e2" providerId="ADAL" clId="{7427013D-5B51-4590-81FF-4F4303F4ECBF}" dt="2021-07-23T23:32:19.292" v="28" actId="478"/>
          <ac:cxnSpMkLst>
            <pc:docMk/>
            <pc:sldMk cId="4091386711" sldId="2147307527"/>
            <ac:cxnSpMk id="136" creationId="{F7671822-8FF2-476B-9E10-A02943AAFC20}"/>
          </ac:cxnSpMkLst>
        </pc:cxnChg>
      </pc:sldChg>
      <pc:sldChg chg="modSp add del mod">
        <pc:chgData name="Ajwaliya, Nishit" userId="d6171631-3d08-453d-8afd-2dc62a5026e2" providerId="ADAL" clId="{7427013D-5B51-4590-81FF-4F4303F4ECBF}" dt="2021-08-06T18:22:59.850" v="132" actId="1038"/>
        <pc:sldMkLst>
          <pc:docMk/>
          <pc:sldMk cId="2312719742" sldId="2147307528"/>
        </pc:sldMkLst>
        <pc:spChg chg="mod">
          <ac:chgData name="Ajwaliya, Nishit" userId="d6171631-3d08-453d-8afd-2dc62a5026e2" providerId="ADAL" clId="{7427013D-5B51-4590-81FF-4F4303F4ECBF}" dt="2021-08-06T18:22:59.850" v="132" actId="1038"/>
          <ac:spMkLst>
            <pc:docMk/>
            <pc:sldMk cId="2312719742" sldId="2147307528"/>
            <ac:spMk id="101" creationId="{587B269A-1741-4A0F-9FDE-AC1CD854208F}"/>
          </ac:spMkLst>
        </pc:spChg>
        <pc:spChg chg="mod">
          <ac:chgData name="Ajwaliya, Nishit" userId="d6171631-3d08-453d-8afd-2dc62a5026e2" providerId="ADAL" clId="{7427013D-5B51-4590-81FF-4F4303F4ECBF}" dt="2021-08-06T18:22:59.850" v="132" actId="1038"/>
          <ac:spMkLst>
            <pc:docMk/>
            <pc:sldMk cId="2312719742" sldId="2147307528"/>
            <ac:spMk id="102" creationId="{53D3A239-1B6F-4F39-832E-4F711AD7B2DE}"/>
          </ac:spMkLst>
        </pc:spChg>
        <pc:spChg chg="mod">
          <ac:chgData name="Ajwaliya, Nishit" userId="d6171631-3d08-453d-8afd-2dc62a5026e2" providerId="ADAL" clId="{7427013D-5B51-4590-81FF-4F4303F4ECBF}" dt="2021-07-29T22:18:08.510" v="96" actId="1037"/>
          <ac:spMkLst>
            <pc:docMk/>
            <pc:sldMk cId="2312719742" sldId="2147307528"/>
            <ac:spMk id="221" creationId="{3FEFAC13-FA4E-4722-8636-B0F4DB14B444}"/>
          </ac:spMkLst>
        </pc:spChg>
      </pc:sldChg>
      <pc:sldChg chg="add del">
        <pc:chgData name="Ajwaliya, Nishit" userId="d6171631-3d08-453d-8afd-2dc62a5026e2" providerId="ADAL" clId="{7427013D-5B51-4590-81FF-4F4303F4ECBF}" dt="2021-07-29T22:17:52.718" v="68" actId="47"/>
        <pc:sldMkLst>
          <pc:docMk/>
          <pc:sldMk cId="615097863" sldId="2147307546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06/10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06/10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699516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notesSlide" Target="../notesSlides/notesSlide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53.xml"/><Relationship Id="rId13" Type="http://schemas.openxmlformats.org/officeDocument/2006/relationships/tags" Target="../tags/tag58.xml"/><Relationship Id="rId18" Type="http://schemas.openxmlformats.org/officeDocument/2006/relationships/slideLayout" Target="../slideLayouts/slideLayout1.xml"/><Relationship Id="rId3" Type="http://schemas.openxmlformats.org/officeDocument/2006/relationships/tags" Target="../tags/tag48.xml"/><Relationship Id="rId7" Type="http://schemas.openxmlformats.org/officeDocument/2006/relationships/tags" Target="../tags/tag52.xml"/><Relationship Id="rId12" Type="http://schemas.openxmlformats.org/officeDocument/2006/relationships/tags" Target="../tags/tag57.xml"/><Relationship Id="rId17" Type="http://schemas.openxmlformats.org/officeDocument/2006/relationships/tags" Target="../tags/tag62.xml"/><Relationship Id="rId2" Type="http://schemas.openxmlformats.org/officeDocument/2006/relationships/tags" Target="../tags/tag47.xml"/><Relationship Id="rId16" Type="http://schemas.openxmlformats.org/officeDocument/2006/relationships/tags" Target="../tags/tag61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10" Type="http://schemas.openxmlformats.org/officeDocument/2006/relationships/tags" Target="../tags/tag55.xml"/><Relationship Id="rId19" Type="http://schemas.openxmlformats.org/officeDocument/2006/relationships/notesSlide" Target="../notesSlides/notesSlide4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Architecture</a:t>
            </a:r>
            <a:endParaRPr lang="en-GB" sz="1800" b="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C99F775-4441-40AA-A4CA-699C73FD2F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11927" y="295337"/>
            <a:ext cx="6534793" cy="478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0048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958" y="354686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903" y="298355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6422" y="307491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 (Reltio)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342972" y="3205197"/>
            <a:ext cx="107858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73467" y="362282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 (Snowflake) -Enterprise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852357" y="3001670"/>
            <a:ext cx="953600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26306" y="321265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7923" y="321339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45948" y="376339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01725" y="30716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791408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6561882" y="1026630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310026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>
            <a:endCxn id="117" idx="0"/>
          </p:cNvCxnSpPr>
          <p:nvPr/>
        </p:nvCxnSpPr>
        <p:spPr bwMode="auto">
          <a:xfrm>
            <a:off x="3842227" y="1032388"/>
            <a:ext cx="56964" cy="33703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 dirty="0"/>
              <a:t>US Customer Business Capabilities Proposed Roadmap (Draft)</a:t>
            </a:r>
            <a:endParaRPr lang="en-GB" sz="19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2134" y="796281"/>
            <a:ext cx="456466" cy="19089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6514"/>
            <a:ext cx="401041" cy="19066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2543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998945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23530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063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377061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8325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5241324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25912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649130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50910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771785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73565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 dirty="0">
                <a:solidFill>
                  <a:schemeClr val="dk1"/>
                </a:solidFill>
              </a:rPr>
              <a:t>Releases:</a:t>
            </a:r>
            <a:endParaRPr lang="en-US" sz="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919354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9 – Usage Analysis</a:t>
            </a:r>
            <a:endParaRPr lang="en-US" sz="600" dirty="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75750" y="30650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771076" y="362966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25971" y="376633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30940" y="362567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11077" y="3071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27361" y="376196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528532" y="30624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831490" y="3776607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Usage, Bill/Credit/Payment, 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92978" y="362825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542744" y="36263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885778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4 – Usage Prediction</a:t>
            </a:r>
            <a:endParaRPr lang="en-US" sz="600" dirty="0">
              <a:cs typeface="Arial"/>
            </a:endParaRPr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6482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15362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5540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84072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 – Segmentation Campaign Metrics</a:t>
            </a:r>
            <a:endParaRPr lang="en-US" sz="600" dirty="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465594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7276018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3 – Personalized Messages</a:t>
            </a:r>
            <a:endParaRPr lang="en-US" sz="600" dirty="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96140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 – Utilization Recommendation</a:t>
            </a:r>
            <a:endParaRPr lang="en-US" sz="600" dirty="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05070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5 – Comprehensive Profile</a:t>
            </a:r>
            <a:endParaRPr lang="en-US" sz="600" dirty="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317348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4 – Customer Interactions </a:t>
            </a:r>
            <a:endParaRPr lang="en-US" sz="600" dirty="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186501" y="1734920"/>
            <a:ext cx="131965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 (Partial) </a:t>
            </a:r>
            <a:endParaRPr lang="en-US" sz="600" dirty="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95795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705658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737289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0 – EE Recommendations</a:t>
            </a:r>
            <a:endParaRPr lang="en-US" sz="600" dirty="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96036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2 – Energy Usage Insights</a:t>
            </a:r>
            <a:endParaRPr lang="en-US" sz="600" dirty="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740326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7 – EE Ratings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155310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5 –Campaign Performance Metrics</a:t>
            </a:r>
            <a:endParaRPr lang="en-US" sz="600" dirty="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346456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6 – Loyalty Program</a:t>
            </a:r>
            <a:endParaRPr lang="en-US" sz="600" dirty="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79830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8 – Personalized Product Guidance</a:t>
            </a:r>
            <a:endParaRPr lang="en-US" sz="600" dirty="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89012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9 – Energy Savings and Incentives</a:t>
            </a:r>
            <a:endParaRPr lang="en-US" sz="600" dirty="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730925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0 – Usage History</a:t>
            </a:r>
            <a:endParaRPr lang="en-US" sz="600" dirty="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611943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1 – Enrollment Offers</a:t>
            </a:r>
            <a:endParaRPr lang="en-US" sz="600" dirty="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682041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2 – Proactive Usage Feedback</a:t>
            </a:r>
            <a:endParaRPr lang="en-US" sz="600" dirty="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611151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3 – Outage Status</a:t>
            </a:r>
            <a:endParaRPr lang="en-US" sz="600" dirty="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612527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5 – Customer Balance</a:t>
            </a:r>
            <a:endParaRPr lang="en-US" sz="600" dirty="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727836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1 – Energy Self Service</a:t>
            </a:r>
            <a:endParaRPr lang="en-US" sz="600" dirty="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05632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79896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587B269A-1741-4A0F-9FDE-AC1CD854208F}"/>
              </a:ext>
            </a:extLst>
          </p:cNvPr>
          <p:cNvSpPr txBox="1"/>
          <p:nvPr/>
        </p:nvSpPr>
        <p:spPr bwMode="auto">
          <a:xfrm>
            <a:off x="1950241" y="23202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1)</a:t>
            </a:r>
          </a:p>
        </p:txBody>
      </p:sp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53D3A239-1B6F-4F39-832E-4F711AD7B2D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199666" y="21959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07FB3EA8-A80D-4FA3-92E8-FF6E97646D8E}"/>
              </a:ext>
            </a:extLst>
          </p:cNvPr>
          <p:cNvSpPr txBox="1"/>
          <p:nvPr/>
        </p:nvSpPr>
        <p:spPr bwMode="auto">
          <a:xfrm>
            <a:off x="3123345" y="23227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2)</a:t>
            </a:r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58A5E0AF-AF8D-49C2-A190-BD3E384D995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372770" y="2198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OTLSHAPE_SL_f6ffadc9780a4f3ab22a7e53bade919d_BackgroundRectangle">
            <a:extLst>
              <a:ext uri="{FF2B5EF4-FFF2-40B4-BE49-F238E27FC236}">
                <a16:creationId xmlns:a16="http://schemas.microsoft.com/office/drawing/2014/main" id="{349290AA-5EEE-4517-B6AD-EB63B50A357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8667" y="4187673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12" name="OTLSHAPE_SLT_e8a0d0690d7843edaca796e8b25719da_Shape">
            <a:extLst>
              <a:ext uri="{FF2B5EF4-FFF2-40B4-BE49-F238E27FC236}">
                <a16:creationId xmlns:a16="http://schemas.microsoft.com/office/drawing/2014/main" id="{0E261F3A-3AEF-4DF9-A3B5-3153A121D3E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3176" y="4263639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 (Snowflake) – Raw/Stage</a:t>
            </a:r>
          </a:p>
        </p:txBody>
      </p:sp>
      <p:sp>
        <p:nvSpPr>
          <p:cNvPr id="113" name="OTLSHAPE_SLM_0aec949068fc4edb9016a17022f2fa0f_Title">
            <a:extLst>
              <a:ext uri="{FF2B5EF4-FFF2-40B4-BE49-F238E27FC236}">
                <a16:creationId xmlns:a16="http://schemas.microsoft.com/office/drawing/2014/main" id="{ABEB2400-D7CA-4C71-9553-11AAB9242DD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45657" y="4404202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14" name="OTLSHAPE_SLM_0aec949068fc4edb9016a17022f2fa0f_Shape">
            <a:extLst>
              <a:ext uri="{FF2B5EF4-FFF2-40B4-BE49-F238E27FC236}">
                <a16:creationId xmlns:a16="http://schemas.microsoft.com/office/drawing/2014/main" id="{B0B41EC2-815E-4E21-A322-3818CD0ADE2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70785" y="4270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5" name="OTLSHAPE_SLM_0aec949068fc4edb9016a17022f2fa0f_Title">
            <a:extLst>
              <a:ext uri="{FF2B5EF4-FFF2-40B4-BE49-F238E27FC236}">
                <a16:creationId xmlns:a16="http://schemas.microsoft.com/office/drawing/2014/main" id="{5DB909F7-2BA1-4869-B618-AFD63DC1FD7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425680" y="4407148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D3DBF1A3-439E-46C3-8DC9-4CBBD205A50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830649" y="426648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D053868B-F886-41A0-AC9B-1B3E131F1D7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427070" y="4402779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18" name="OTLSHAPE_SLM_0aec949068fc4edb9016a17022f2fa0f_Title">
            <a:extLst>
              <a:ext uri="{FF2B5EF4-FFF2-40B4-BE49-F238E27FC236}">
                <a16:creationId xmlns:a16="http://schemas.microsoft.com/office/drawing/2014/main" id="{B94D045F-CB86-42B8-B7ED-DFC4D176FB6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831199" y="4417419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Usage, Bill/Credit/Payment, 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1F8F5CB0-955E-443F-A501-7EB27A42F12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292687" y="426906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9" name="OTLSHAPE_SLM_0aec949068fc4edb9016a17022f2fa0f_Shape">
            <a:extLst>
              <a:ext uri="{FF2B5EF4-FFF2-40B4-BE49-F238E27FC236}">
                <a16:creationId xmlns:a16="http://schemas.microsoft.com/office/drawing/2014/main" id="{0FFD3580-84AD-4213-BA53-012C34DA955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542453" y="426715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</p:spTree>
    <p:extLst>
      <p:ext uri="{BB962C8B-B14F-4D97-AF65-F5344CB8AC3E}">
        <p14:creationId xmlns:p14="http://schemas.microsoft.com/office/powerpoint/2010/main" val="2312719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3" name="OTLSHAPE_SLT_e8a0d0690d7843edaca796e8b25719da_Shape">
            <a:extLst>
              <a:ext uri="{FF2B5EF4-FFF2-40B4-BE49-F238E27FC236}">
                <a16:creationId xmlns:a16="http://schemas.microsoft.com/office/drawing/2014/main" id="{8947B373-7886-4464-95CB-2DB10E22B1D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54519" y="1312875"/>
            <a:ext cx="990744" cy="146681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Sign Reltio MDM Contract</a:t>
            </a:r>
            <a:endParaRPr lang="en-US" sz="600" spc="-2" dirty="0">
              <a:solidFill>
                <a:schemeClr val="tx1">
                  <a:lumMod val="75000"/>
                </a:schemeClr>
              </a:solidFill>
              <a:cs typeface="Calibri" panose="020F0502020204030204" pitchFamily="34" charset="0"/>
            </a:endParaRPr>
          </a:p>
        </p:txBody>
      </p:sp>
      <p:sp>
        <p:nvSpPr>
          <p:cNvPr id="282" name="OTLSHAPE_SLT_e8a0d0690d7843edaca796e8b25719da_Shape">
            <a:extLst>
              <a:ext uri="{FF2B5EF4-FFF2-40B4-BE49-F238E27FC236}">
                <a16:creationId xmlns:a16="http://schemas.microsoft.com/office/drawing/2014/main" id="{5BABB083-64E1-4728-A9B4-7EC38E19DD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45263" y="1305063"/>
            <a:ext cx="1945081" cy="133350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MDM Reltio Environment Available</a:t>
            </a:r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84336" y="4493849"/>
            <a:ext cx="528492" cy="141129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537680" y="2601558"/>
            <a:ext cx="4041946" cy="177977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/>
              <a:t>Customer MVP 1 - Persistent ID from UDM, Key Customer Profile fields, Product, Account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High Level Plan for </a:t>
            </a:r>
            <a:r>
              <a:rPr lang="en-GB" sz="1800"/>
              <a:t>MVP 1 (WIP) </a:t>
            </a:r>
            <a:endParaRPr lang="en-GB" sz="18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1140494" y="769390"/>
            <a:ext cx="960764" cy="157253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154519" y="768389"/>
            <a:ext cx="960764" cy="162712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159509" y="565267"/>
            <a:ext cx="7875605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r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89" name="Rectangle 88">
            <a:extLst>
              <a:ext uri="{FF2B5EF4-FFF2-40B4-BE49-F238E27FC236}">
                <a16:creationId xmlns:a16="http://schemas.microsoft.com/office/drawing/2014/main" id="{EA851805-A0D5-4EAB-9B64-FDFFF4AE5631}"/>
              </a:ext>
            </a:extLst>
          </p:cNvPr>
          <p:cNvSpPr/>
          <p:nvPr/>
        </p:nvSpPr>
        <p:spPr>
          <a:xfrm>
            <a:off x="154519" y="958265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7DF86A1F-31FE-4997-98B0-B5A412626C97}"/>
              </a:ext>
            </a:extLst>
          </p:cNvPr>
          <p:cNvSpPr/>
          <p:nvPr/>
        </p:nvSpPr>
        <p:spPr>
          <a:xfrm>
            <a:off x="654189" y="955769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1</a:t>
            </a:r>
          </a:p>
        </p:txBody>
      </p:sp>
      <p:sp>
        <p:nvSpPr>
          <p:cNvPr id="114" name="Rectangle 113">
            <a:extLst>
              <a:ext uri="{FF2B5EF4-FFF2-40B4-BE49-F238E27FC236}">
                <a16:creationId xmlns:a16="http://schemas.microsoft.com/office/drawing/2014/main" id="{73AD1F0D-1044-48E5-8F00-292B8E10BA63}"/>
              </a:ext>
            </a:extLst>
          </p:cNvPr>
          <p:cNvSpPr/>
          <p:nvPr/>
        </p:nvSpPr>
        <p:spPr>
          <a:xfrm>
            <a:off x="2135912" y="771698"/>
            <a:ext cx="960764" cy="162712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91AA2D63-CF5C-4F2A-AF37-A10D9DA19353}"/>
              </a:ext>
            </a:extLst>
          </p:cNvPr>
          <p:cNvSpPr/>
          <p:nvPr/>
        </p:nvSpPr>
        <p:spPr>
          <a:xfrm>
            <a:off x="3117038" y="770124"/>
            <a:ext cx="960764" cy="16927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32" name="Rectangle 131">
            <a:extLst>
              <a:ext uri="{FF2B5EF4-FFF2-40B4-BE49-F238E27FC236}">
                <a16:creationId xmlns:a16="http://schemas.microsoft.com/office/drawing/2014/main" id="{E4C83FFE-3F4E-43EA-9C4F-BCA48B3CD282}"/>
              </a:ext>
            </a:extLst>
          </p:cNvPr>
          <p:cNvSpPr/>
          <p:nvPr/>
        </p:nvSpPr>
        <p:spPr>
          <a:xfrm>
            <a:off x="4106858" y="768389"/>
            <a:ext cx="960764" cy="17222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6E1BE8AE-CEBD-4254-8345-8DFE37058353}"/>
              </a:ext>
            </a:extLst>
          </p:cNvPr>
          <p:cNvSpPr/>
          <p:nvPr/>
        </p:nvSpPr>
        <p:spPr>
          <a:xfrm>
            <a:off x="5086755" y="777903"/>
            <a:ext cx="960764" cy="162712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6005ED29-5EC1-453B-B65F-B58ADBF298E2}"/>
              </a:ext>
            </a:extLst>
          </p:cNvPr>
          <p:cNvSpPr/>
          <p:nvPr/>
        </p:nvSpPr>
        <p:spPr>
          <a:xfrm>
            <a:off x="6079667" y="777903"/>
            <a:ext cx="960764" cy="162712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1723D4BF-DC7A-4CA9-A581-8A37DC7F9E24}"/>
              </a:ext>
            </a:extLst>
          </p:cNvPr>
          <p:cNvSpPr/>
          <p:nvPr/>
        </p:nvSpPr>
        <p:spPr>
          <a:xfrm>
            <a:off x="7066856" y="777902"/>
            <a:ext cx="960764" cy="15602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60" name="Rectangle 159">
            <a:extLst>
              <a:ext uri="{FF2B5EF4-FFF2-40B4-BE49-F238E27FC236}">
                <a16:creationId xmlns:a16="http://schemas.microsoft.com/office/drawing/2014/main" id="{51FB6F27-FF64-45B5-8B88-E78EF318BE05}"/>
              </a:ext>
            </a:extLst>
          </p:cNvPr>
          <p:cNvSpPr/>
          <p:nvPr/>
        </p:nvSpPr>
        <p:spPr>
          <a:xfrm>
            <a:off x="8065395" y="773966"/>
            <a:ext cx="960764" cy="162712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8EC54A56-9472-49B4-A22E-DB941703867D}"/>
              </a:ext>
            </a:extLst>
          </p:cNvPr>
          <p:cNvSpPr txBox="1"/>
          <p:nvPr/>
        </p:nvSpPr>
        <p:spPr bwMode="auto">
          <a:xfrm flipH="1">
            <a:off x="8070388" y="568044"/>
            <a:ext cx="955769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261" name="Rectangle 260">
            <a:extLst>
              <a:ext uri="{FF2B5EF4-FFF2-40B4-BE49-F238E27FC236}">
                <a16:creationId xmlns:a16="http://schemas.microsoft.com/office/drawing/2014/main" id="{61EC7DE7-1B39-4D29-B09D-FC2602880B59}"/>
              </a:ext>
            </a:extLst>
          </p:cNvPr>
          <p:cNvSpPr/>
          <p:nvPr/>
        </p:nvSpPr>
        <p:spPr>
          <a:xfrm>
            <a:off x="1138868" y="960765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62" name="Rectangle 261">
            <a:extLst>
              <a:ext uri="{FF2B5EF4-FFF2-40B4-BE49-F238E27FC236}">
                <a16:creationId xmlns:a16="http://schemas.microsoft.com/office/drawing/2014/main" id="{29AA67BF-BA65-4AEE-8536-CB50F6E1DDDC}"/>
              </a:ext>
            </a:extLst>
          </p:cNvPr>
          <p:cNvSpPr/>
          <p:nvPr/>
        </p:nvSpPr>
        <p:spPr>
          <a:xfrm>
            <a:off x="1638538" y="958269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0</a:t>
            </a:r>
          </a:p>
        </p:txBody>
      </p:sp>
      <p:sp>
        <p:nvSpPr>
          <p:cNvPr id="263" name="Rectangle 262">
            <a:extLst>
              <a:ext uri="{FF2B5EF4-FFF2-40B4-BE49-F238E27FC236}">
                <a16:creationId xmlns:a16="http://schemas.microsoft.com/office/drawing/2014/main" id="{95AFF9A3-429C-4548-B31E-91728BE6E0DC}"/>
              </a:ext>
            </a:extLst>
          </p:cNvPr>
          <p:cNvSpPr/>
          <p:nvPr/>
        </p:nvSpPr>
        <p:spPr>
          <a:xfrm>
            <a:off x="2143200" y="968260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64" name="Rectangle 263">
            <a:extLst>
              <a:ext uri="{FF2B5EF4-FFF2-40B4-BE49-F238E27FC236}">
                <a16:creationId xmlns:a16="http://schemas.microsoft.com/office/drawing/2014/main" id="{FB682407-C8F3-4014-BADE-4120BA145F10}"/>
              </a:ext>
            </a:extLst>
          </p:cNvPr>
          <p:cNvSpPr/>
          <p:nvPr/>
        </p:nvSpPr>
        <p:spPr>
          <a:xfrm>
            <a:off x="2642870" y="965764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1</a:t>
            </a:r>
          </a:p>
        </p:txBody>
      </p:sp>
      <p:sp>
        <p:nvSpPr>
          <p:cNvPr id="265" name="Rectangle 264">
            <a:extLst>
              <a:ext uri="{FF2B5EF4-FFF2-40B4-BE49-F238E27FC236}">
                <a16:creationId xmlns:a16="http://schemas.microsoft.com/office/drawing/2014/main" id="{680965A8-248A-484C-8B1B-5FC564742AFD}"/>
              </a:ext>
            </a:extLst>
          </p:cNvPr>
          <p:cNvSpPr/>
          <p:nvPr/>
        </p:nvSpPr>
        <p:spPr>
          <a:xfrm>
            <a:off x="3127549" y="970760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66" name="Rectangle 265">
            <a:extLst>
              <a:ext uri="{FF2B5EF4-FFF2-40B4-BE49-F238E27FC236}">
                <a16:creationId xmlns:a16="http://schemas.microsoft.com/office/drawing/2014/main" id="{FF4BD840-4BF1-4A23-A9FB-6F2C481BBAC1}"/>
              </a:ext>
            </a:extLst>
          </p:cNvPr>
          <p:cNvSpPr/>
          <p:nvPr/>
        </p:nvSpPr>
        <p:spPr>
          <a:xfrm>
            <a:off x="3627219" y="968264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1</a:t>
            </a:r>
          </a:p>
        </p:txBody>
      </p:sp>
      <p:sp>
        <p:nvSpPr>
          <p:cNvPr id="267" name="Rectangle 266">
            <a:extLst>
              <a:ext uri="{FF2B5EF4-FFF2-40B4-BE49-F238E27FC236}">
                <a16:creationId xmlns:a16="http://schemas.microsoft.com/office/drawing/2014/main" id="{E46B7B78-14A9-47C7-BE49-6DCD15BAE72B}"/>
              </a:ext>
            </a:extLst>
          </p:cNvPr>
          <p:cNvSpPr/>
          <p:nvPr/>
        </p:nvSpPr>
        <p:spPr>
          <a:xfrm>
            <a:off x="4114420" y="968260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68" name="Rectangle 267">
            <a:extLst>
              <a:ext uri="{FF2B5EF4-FFF2-40B4-BE49-F238E27FC236}">
                <a16:creationId xmlns:a16="http://schemas.microsoft.com/office/drawing/2014/main" id="{6E8095F5-AF40-45D6-89CA-F046A5DB60FD}"/>
              </a:ext>
            </a:extLst>
          </p:cNvPr>
          <p:cNvSpPr/>
          <p:nvPr/>
        </p:nvSpPr>
        <p:spPr>
          <a:xfrm>
            <a:off x="4614090" y="965764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0</a:t>
            </a:r>
          </a:p>
        </p:txBody>
      </p:sp>
      <p:sp>
        <p:nvSpPr>
          <p:cNvPr id="269" name="Rectangle 268">
            <a:extLst>
              <a:ext uri="{FF2B5EF4-FFF2-40B4-BE49-F238E27FC236}">
                <a16:creationId xmlns:a16="http://schemas.microsoft.com/office/drawing/2014/main" id="{02C4FB74-2432-4EB1-A89A-DD0AB0D0BEF9}"/>
              </a:ext>
            </a:extLst>
          </p:cNvPr>
          <p:cNvSpPr/>
          <p:nvPr/>
        </p:nvSpPr>
        <p:spPr>
          <a:xfrm>
            <a:off x="5098769" y="970760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70" name="Rectangle 269">
            <a:extLst>
              <a:ext uri="{FF2B5EF4-FFF2-40B4-BE49-F238E27FC236}">
                <a16:creationId xmlns:a16="http://schemas.microsoft.com/office/drawing/2014/main" id="{1315C8FB-718B-4025-B855-76E64685E772}"/>
              </a:ext>
            </a:extLst>
          </p:cNvPr>
          <p:cNvSpPr/>
          <p:nvPr/>
        </p:nvSpPr>
        <p:spPr>
          <a:xfrm>
            <a:off x="5598439" y="968264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0</a:t>
            </a:r>
          </a:p>
        </p:txBody>
      </p:sp>
      <p:sp>
        <p:nvSpPr>
          <p:cNvPr id="271" name="Rectangle 270">
            <a:extLst>
              <a:ext uri="{FF2B5EF4-FFF2-40B4-BE49-F238E27FC236}">
                <a16:creationId xmlns:a16="http://schemas.microsoft.com/office/drawing/2014/main" id="{236FB3CA-27DD-400E-A099-B3C441CBC1DE}"/>
              </a:ext>
            </a:extLst>
          </p:cNvPr>
          <p:cNvSpPr/>
          <p:nvPr/>
        </p:nvSpPr>
        <p:spPr>
          <a:xfrm>
            <a:off x="6095606" y="978255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72" name="Rectangle 271">
            <a:extLst>
              <a:ext uri="{FF2B5EF4-FFF2-40B4-BE49-F238E27FC236}">
                <a16:creationId xmlns:a16="http://schemas.microsoft.com/office/drawing/2014/main" id="{4BD06C6C-D619-4E2B-B861-C7C75331A6FE}"/>
              </a:ext>
            </a:extLst>
          </p:cNvPr>
          <p:cNvSpPr/>
          <p:nvPr/>
        </p:nvSpPr>
        <p:spPr>
          <a:xfrm>
            <a:off x="6595276" y="975759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0</a:t>
            </a:r>
          </a:p>
        </p:txBody>
      </p:sp>
      <p:sp>
        <p:nvSpPr>
          <p:cNvPr id="273" name="Rectangle 272">
            <a:extLst>
              <a:ext uri="{FF2B5EF4-FFF2-40B4-BE49-F238E27FC236}">
                <a16:creationId xmlns:a16="http://schemas.microsoft.com/office/drawing/2014/main" id="{B0043EB7-76AB-4A2B-8E2A-5B4F9B671754}"/>
              </a:ext>
            </a:extLst>
          </p:cNvPr>
          <p:cNvSpPr/>
          <p:nvPr/>
        </p:nvSpPr>
        <p:spPr>
          <a:xfrm>
            <a:off x="7079955" y="980755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74" name="Rectangle 273">
            <a:extLst>
              <a:ext uri="{FF2B5EF4-FFF2-40B4-BE49-F238E27FC236}">
                <a16:creationId xmlns:a16="http://schemas.microsoft.com/office/drawing/2014/main" id="{8F6E7F3F-3CE8-46D3-A279-71CA4431CE0D}"/>
              </a:ext>
            </a:extLst>
          </p:cNvPr>
          <p:cNvSpPr/>
          <p:nvPr/>
        </p:nvSpPr>
        <p:spPr>
          <a:xfrm>
            <a:off x="7579625" y="978259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1</a:t>
            </a:r>
          </a:p>
        </p:txBody>
      </p:sp>
      <p:sp>
        <p:nvSpPr>
          <p:cNvPr id="275" name="Rectangle 274">
            <a:extLst>
              <a:ext uri="{FF2B5EF4-FFF2-40B4-BE49-F238E27FC236}">
                <a16:creationId xmlns:a16="http://schemas.microsoft.com/office/drawing/2014/main" id="{32A65502-3957-4023-98D5-88BD58DD9BD1}"/>
              </a:ext>
            </a:extLst>
          </p:cNvPr>
          <p:cNvSpPr/>
          <p:nvPr/>
        </p:nvSpPr>
        <p:spPr>
          <a:xfrm>
            <a:off x="8071802" y="983255"/>
            <a:ext cx="468800" cy="177976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-15</a:t>
            </a:r>
          </a:p>
        </p:txBody>
      </p:sp>
      <p:sp>
        <p:nvSpPr>
          <p:cNvPr id="276" name="Rectangle 275">
            <a:extLst>
              <a:ext uri="{FF2B5EF4-FFF2-40B4-BE49-F238E27FC236}">
                <a16:creationId xmlns:a16="http://schemas.microsoft.com/office/drawing/2014/main" id="{0FA5EE0D-C0E5-4AF8-9E2B-CF365ACF9C80}"/>
              </a:ext>
            </a:extLst>
          </p:cNvPr>
          <p:cNvSpPr/>
          <p:nvPr/>
        </p:nvSpPr>
        <p:spPr>
          <a:xfrm>
            <a:off x="8571472" y="980759"/>
            <a:ext cx="446036" cy="180472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16-31</a:t>
            </a:r>
          </a:p>
        </p:txBody>
      </p:sp>
      <p:sp>
        <p:nvSpPr>
          <p:cNvPr id="284" name="OTLSHAPE_SLT_e8a0d0690d7843edaca796e8b25719da_Shape">
            <a:extLst>
              <a:ext uri="{FF2B5EF4-FFF2-40B4-BE49-F238E27FC236}">
                <a16:creationId xmlns:a16="http://schemas.microsoft.com/office/drawing/2014/main" id="{A4A9639C-6F3F-45FC-A3E9-027AADDA886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90921" y="4493850"/>
            <a:ext cx="528491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</a:t>
            </a:r>
          </a:p>
        </p:txBody>
      </p:sp>
      <p:sp>
        <p:nvSpPr>
          <p:cNvPr id="285" name="Rectangle 284">
            <a:extLst>
              <a:ext uri="{FF2B5EF4-FFF2-40B4-BE49-F238E27FC236}">
                <a16:creationId xmlns:a16="http://schemas.microsoft.com/office/drawing/2014/main" id="{4E291F41-8CDF-45B0-9AAF-5F21011D729C}"/>
              </a:ext>
            </a:extLst>
          </p:cNvPr>
          <p:cNvSpPr/>
          <p:nvPr/>
        </p:nvSpPr>
        <p:spPr>
          <a:xfrm>
            <a:off x="54384" y="4215480"/>
            <a:ext cx="5267124" cy="55399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900" dirty="0">
                <a:solidFill>
                  <a:schemeClr val="tx1">
                    <a:lumMod val="50000"/>
                  </a:schemeClr>
                </a:solidFill>
              </a:rPr>
              <a:t>Legend</a:t>
            </a:r>
          </a:p>
          <a:p>
            <a:pPr algn="ctr">
              <a:spcAft>
                <a:spcPts val="0"/>
              </a:spcAft>
            </a:pPr>
            <a:endParaRPr lang="en-US" sz="900" dirty="0">
              <a:solidFill>
                <a:schemeClr val="tx1">
                  <a:lumMod val="50000"/>
                </a:schemeClr>
              </a:solidFill>
            </a:endParaRPr>
          </a:p>
          <a:p>
            <a:pPr algn="ctr">
              <a:spcAft>
                <a:spcPts val="0"/>
              </a:spcAft>
            </a:pPr>
            <a:endParaRPr lang="en-US" sz="900" dirty="0">
              <a:solidFill>
                <a:schemeClr val="tx1">
                  <a:lumMod val="50000"/>
                </a:schemeClr>
              </a:solidFill>
            </a:endParaRPr>
          </a:p>
          <a:p>
            <a:pPr algn="ctr">
              <a:spcAft>
                <a:spcPts val="0"/>
              </a:spcAft>
            </a:pPr>
            <a:endParaRPr lang="en-US" sz="900" dirty="0">
              <a:solidFill>
                <a:schemeClr val="tx1">
                  <a:lumMod val="50000"/>
                </a:schemeClr>
              </a:solidFill>
            </a:endParaRPr>
          </a:p>
        </p:txBody>
      </p:sp>
      <p:sp>
        <p:nvSpPr>
          <p:cNvPr id="286" name="OTLSHAPE_SLT_e8a0d0690d7843edaca796e8b25719da_Shape">
            <a:extLst>
              <a:ext uri="{FF2B5EF4-FFF2-40B4-BE49-F238E27FC236}">
                <a16:creationId xmlns:a16="http://schemas.microsoft.com/office/drawing/2014/main" id="{C7EB2B7C-18AA-4A5C-9B0F-3BCC14AF663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86304" y="4497410"/>
            <a:ext cx="859050" cy="132354"/>
          </a:xfrm>
          <a:prstGeom prst="homePlat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DC/DG/DM</a:t>
            </a:r>
          </a:p>
        </p:txBody>
      </p:sp>
      <p:sp>
        <p:nvSpPr>
          <p:cNvPr id="288" name="OTLSHAPE_SLM_0aec949068fc4edb9016a17022f2fa0f_Title">
            <a:extLst>
              <a:ext uri="{FF2B5EF4-FFF2-40B4-BE49-F238E27FC236}">
                <a16:creationId xmlns:a16="http://schemas.microsoft.com/office/drawing/2014/main" id="{CE9277A0-BE5F-4B11-B3F8-500486A18E0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54199" y="1178257"/>
            <a:ext cx="103677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Tools Funding Approve</a:t>
            </a:r>
          </a:p>
        </p:txBody>
      </p:sp>
      <p:sp>
        <p:nvSpPr>
          <p:cNvPr id="289" name="OTLSHAPE_SLM_0aec949068fc4edb9016a17022f2fa0f_Shape">
            <a:extLst>
              <a:ext uri="{FF2B5EF4-FFF2-40B4-BE49-F238E27FC236}">
                <a16:creationId xmlns:a16="http://schemas.microsoft.com/office/drawing/2014/main" id="{F03ACA3B-4E9E-4B60-B59E-B3D0B8B9566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7" y="1154500"/>
            <a:ext cx="114300" cy="13335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90" name="OTLSHAPE_SLT_e8a0d0690d7843edaca796e8b25719da_Shape">
            <a:extLst>
              <a:ext uri="{FF2B5EF4-FFF2-40B4-BE49-F238E27FC236}">
                <a16:creationId xmlns:a16="http://schemas.microsoft.com/office/drawing/2014/main" id="{A61EFE0B-6F1C-45B5-8DD8-2087F05E14C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45263" y="1512434"/>
            <a:ext cx="1934300" cy="139726"/>
          </a:xfrm>
          <a:prstGeom prst="homePlat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Customer Data Catalog</a:t>
            </a:r>
          </a:p>
        </p:txBody>
      </p:sp>
      <p:sp>
        <p:nvSpPr>
          <p:cNvPr id="294" name="OTLSHAPE_SLT_e8a0d0690d7843edaca796e8b25719da_Shape">
            <a:extLst>
              <a:ext uri="{FF2B5EF4-FFF2-40B4-BE49-F238E27FC236}">
                <a16:creationId xmlns:a16="http://schemas.microsoft.com/office/drawing/2014/main" id="{7E6BDABE-EE00-4AE9-9882-41F696F8A16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82234" y="1723790"/>
            <a:ext cx="1934300" cy="139726"/>
          </a:xfrm>
          <a:prstGeom prst="homePlat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spcAft>
                <a:spcPts val="0"/>
              </a:spcAft>
            </a:pPr>
            <a:r>
              <a:rPr lang="en-US" sz="600" spc="-2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Customer Data Governance</a:t>
            </a:r>
            <a:endParaRPr lang="en-US" sz="600" spc="-2" dirty="0">
              <a:solidFill>
                <a:schemeClr val="tx1">
                  <a:lumMod val="75000"/>
                </a:schemeClr>
              </a:solidFill>
              <a:cs typeface="Calibri" panose="020F0502020204030204" pitchFamily="34" charset="0"/>
            </a:endParaRPr>
          </a:p>
        </p:txBody>
      </p:sp>
      <p:sp>
        <p:nvSpPr>
          <p:cNvPr id="298" name="OTLSHAPE_SLT_e8a0d0690d7843edaca796e8b25719da_Shape">
            <a:extLst>
              <a:ext uri="{FF2B5EF4-FFF2-40B4-BE49-F238E27FC236}">
                <a16:creationId xmlns:a16="http://schemas.microsoft.com/office/drawing/2014/main" id="{B7BF0C9F-9768-4962-A8DB-B78689824F6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312246" y="4493848"/>
            <a:ext cx="929196" cy="141129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>
                <a:solidFill>
                  <a:schemeClr val="tx1">
                    <a:lumMod val="50000"/>
                  </a:schemeClr>
                </a:solidFill>
              </a:rPr>
              <a:t>Requirement</a:t>
            </a:r>
          </a:p>
        </p:txBody>
      </p:sp>
      <p:sp>
        <p:nvSpPr>
          <p:cNvPr id="299" name="OTLSHAPE_SLT_e8a0d0690d7843edaca796e8b25719da_Shape">
            <a:extLst>
              <a:ext uri="{FF2B5EF4-FFF2-40B4-BE49-F238E27FC236}">
                <a16:creationId xmlns:a16="http://schemas.microsoft.com/office/drawing/2014/main" id="{7AE020E3-1DDC-44D6-838C-96B4ABE9746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38868" y="1942365"/>
            <a:ext cx="2114617" cy="139726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>
                <a:solidFill>
                  <a:schemeClr val="tx1">
                    <a:lumMod val="50000"/>
                  </a:schemeClr>
                </a:solidFill>
              </a:rPr>
              <a:t>Business Requirements and Rules</a:t>
            </a:r>
          </a:p>
        </p:txBody>
      </p:sp>
      <p:sp>
        <p:nvSpPr>
          <p:cNvPr id="51" name="OTLSHAPE_SLT_e8a0d0690d7843edaca796e8b25719da_Shape">
            <a:extLst>
              <a:ext uri="{FF2B5EF4-FFF2-40B4-BE49-F238E27FC236}">
                <a16:creationId xmlns:a16="http://schemas.microsoft.com/office/drawing/2014/main" id="{BF51085E-3ED0-4653-A3DC-F787A7E6463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262436" y="2294744"/>
            <a:ext cx="4317189" cy="17797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/>
              <a:t>Customer MVP 1 - Persistent ID (leverage UDM) , Key Customer Profile fields, Product, Account</a:t>
            </a:r>
          </a:p>
        </p:txBody>
      </p:sp>
      <p:sp>
        <p:nvSpPr>
          <p:cNvPr id="52" name="OTLSHAPE_SLT_e8a0d0690d7843edaca796e8b25719da_Shape">
            <a:extLst>
              <a:ext uri="{FF2B5EF4-FFF2-40B4-BE49-F238E27FC236}">
                <a16:creationId xmlns:a16="http://schemas.microsoft.com/office/drawing/2014/main" id="{3F9CD4A2-D2C3-4067-B385-455919E9BE7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261520" y="4489059"/>
            <a:ext cx="929196" cy="141129"/>
          </a:xfrm>
          <a:prstGeom prst="homePlate">
            <a:avLst/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Other</a:t>
            </a:r>
          </a:p>
        </p:txBody>
      </p:sp>
      <p:sp>
        <p:nvSpPr>
          <p:cNvPr id="53" name="OTLSHAPE_SLT_e8a0d0690d7843edaca796e8b25719da_Shape">
            <a:extLst>
              <a:ext uri="{FF2B5EF4-FFF2-40B4-BE49-F238E27FC236}">
                <a16:creationId xmlns:a16="http://schemas.microsoft.com/office/drawing/2014/main" id="{61D5E1E9-A2E4-4D2D-AF92-2A039C328CA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24078" y="2126636"/>
            <a:ext cx="2126159" cy="119402"/>
          </a:xfrm>
          <a:prstGeom prst="homePlate">
            <a:avLst/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/>
              <a:t>CRIS/CSS CDC</a:t>
            </a:r>
          </a:p>
        </p:txBody>
      </p:sp>
      <p:sp>
        <p:nvSpPr>
          <p:cNvPr id="50" name="OTLSHAPE_SLT_e8a0d0690d7843edaca796e8b25719da_Shape">
            <a:extLst>
              <a:ext uri="{FF2B5EF4-FFF2-40B4-BE49-F238E27FC236}">
                <a16:creationId xmlns:a16="http://schemas.microsoft.com/office/drawing/2014/main" id="{0D866FF3-9CA9-401E-8090-9BC3E69E4D1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579626" y="2295595"/>
            <a:ext cx="1555531" cy="165863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/>
              <a:t>Customer MVP 2</a:t>
            </a:r>
          </a:p>
        </p:txBody>
      </p:sp>
      <p:sp>
        <p:nvSpPr>
          <p:cNvPr id="54" name="OTLSHAPE_SLT_e8a0d0690d7843edaca796e8b25719da_Shape">
            <a:extLst>
              <a:ext uri="{FF2B5EF4-FFF2-40B4-BE49-F238E27FC236}">
                <a16:creationId xmlns:a16="http://schemas.microsoft.com/office/drawing/2014/main" id="{A546557B-13D7-4A02-86E6-7E9E47D53B4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588469" y="2595551"/>
            <a:ext cx="1555531" cy="177977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600" dirty="0"/>
              <a:t>Customer MVP  2</a:t>
            </a:r>
          </a:p>
        </p:txBody>
      </p:sp>
    </p:spTree>
    <p:extLst>
      <p:ext uri="{BB962C8B-B14F-4D97-AF65-F5344CB8AC3E}">
        <p14:creationId xmlns:p14="http://schemas.microsoft.com/office/powerpoint/2010/main" val="2091940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3" ma:contentTypeDescription="Create a new document." ma:contentTypeScope="" ma:versionID="0cdef9792d70593cc0249c268eb6251e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b24b326b9ed5cbe12549767b6286b61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3B48F989-5E69-4D35-990A-5261A4D85ED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D2C987D-4A47-4F11-8121-36694FAAAC40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2fb88c42-9484-45db-b1a7-c717f8961fa6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d04553ff-5444-4dd5-ba90-cf9ec227a264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35320</TotalTime>
  <Words>1154</Words>
  <Application>Microsoft Office PowerPoint</Application>
  <PresentationFormat>On-screen Show (16:9)</PresentationFormat>
  <Paragraphs>166</Paragraphs>
  <Slides>4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7" baseType="lpstr">
      <vt:lpstr>Arial</vt:lpstr>
      <vt:lpstr>Calibri</vt:lpstr>
      <vt:lpstr>NG_PPT_16x9_Generic_template-blue</vt:lpstr>
      <vt:lpstr>US Customer Architecture</vt:lpstr>
      <vt:lpstr>US Customer Capabilities by Programs</vt:lpstr>
      <vt:lpstr>US Customer Business Capabilities Proposed Roadmap (Draft)</vt:lpstr>
      <vt:lpstr>US Customer High Level Plan for MVP 1 (WIP) 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7</cp:revision>
  <cp:lastPrinted>2018-08-10T07:16:05Z</cp:lastPrinted>
  <dcterms:created xsi:type="dcterms:W3CDTF">2018-09-19T13:44:21Z</dcterms:created>
  <dcterms:modified xsi:type="dcterms:W3CDTF">2021-10-06T21:30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